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63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4-5-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4-5-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koggenland/"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descr="Afbeelding met tekst, Lettertype, logo, schermopname&#10;&#10;Automatisch gegenereerde beschrijving">
            <a:extLst>
              <a:ext uri="{FF2B5EF4-FFF2-40B4-BE49-F238E27FC236}">
                <a16:creationId xmlns:a16="http://schemas.microsoft.com/office/drawing/2014/main" id="{41D80A4F-9B77-2E4D-A18F-F1E02BD7AB3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62856" y="4535011"/>
            <a:ext cx="2327999" cy="2043983"/>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ettertype, logo, schermopname&#10;&#10;Automatisch gegenereerde beschrijving">
            <a:extLst>
              <a:ext uri="{FF2B5EF4-FFF2-40B4-BE49-F238E27FC236}">
                <a16:creationId xmlns:a16="http://schemas.microsoft.com/office/drawing/2014/main" id="{917FA005-5286-5F77-03AB-D511F513F7EF}"/>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14012" y="3851370"/>
            <a:ext cx="1661304" cy="1458625"/>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1</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2</cp:revision>
  <dcterms:created xsi:type="dcterms:W3CDTF">2019-07-30T10:24:44Z</dcterms:created>
  <dcterms:modified xsi:type="dcterms:W3CDTF">2024-05-24T12:26:34Z</dcterms:modified>
</cp:coreProperties>
</file>